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6"/>
  </p:sldMasterIdLst>
  <p:notesMasterIdLst>
    <p:notesMasterId r:id="rId8"/>
  </p:notesMasterIdLst>
  <p:sldIdLst>
    <p:sldId id="256" r:id="rId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3FB4"/>
    <a:srgbClr val="FF820A"/>
    <a:srgbClr val="FFB500"/>
    <a:srgbClr val="B378F4"/>
    <a:srgbClr val="2F8C16"/>
    <a:srgbClr val="80C4FF"/>
    <a:srgbClr val="3F3B3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0817EA92-75D0-4044-A80A-286907CE0DDB}" styleName="Custom Table Style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bg1"/>
              </a:solidFill>
            </a:ln>
          </a:left>
          <a:right>
            <a:ln w="0" cmpd="sng">
              <a:solidFill>
                <a:schemeClr val="bg1"/>
              </a:solidFill>
            </a:ln>
          </a:right>
          <a:top>
            <a:ln w="28575" cmpd="sng">
              <a:solidFill>
                <a:schemeClr val="dk1"/>
              </a:solidFill>
            </a:ln>
          </a:top>
          <a:bottom>
            <a:ln w="0" cmpd="sng">
              <a:solidFill>
                <a:schemeClr val="bg1"/>
              </a:solidFill>
            </a:ln>
          </a:bottom>
          <a:insideH>
            <a:ln w="0" cmpd="sng">
              <a:solidFill>
                <a:schemeClr val="bg1"/>
              </a:solidFill>
            </a:ln>
          </a:insideH>
          <a:insideV>
            <a:ln w="0" cmpd="sng">
              <a:solidFill>
                <a:schemeClr val="bg1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  <a:fill>
          <a:solidFill>
            <a:schemeClr val="accent6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lastCol>
    <a:fir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firstCol>
    <a:lastRow>
      <a:tcTxStyle>
        <a:fontRef idx="minor">
          <a:prstClr val="black"/>
        </a:fontRef>
        <a:schemeClr val="dk1"/>
      </a:tcTxStyle>
      <a:tcStyle>
        <a:tcBdr>
          <a:top>
            <a:ln w="0" cmpd="sng">
              <a:solidFill>
                <a:schemeClr val="lt1"/>
              </a:solidFill>
            </a:ln>
          </a:top>
        </a:tcBdr>
        <a:fill>
          <a:solidFill>
            <a:srgbClr val="FFFFFF"/>
          </a:solidFill>
        </a:fill>
      </a:tcStyle>
    </a:lastRow>
    <a:firstRow>
      <a:tcTxStyle>
        <a:fontRef idx="minor">
          <a:prstClr val="black"/>
        </a:fontRef>
        <a:schemeClr val="dk1"/>
      </a:tcTxStyle>
      <a:tcStyle>
        <a:tcBdr>
          <a:bottom>
            <a:ln w="0" cmpd="sng">
              <a:solidFill>
                <a:schemeClr val="lt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3792" autoAdjust="0"/>
  </p:normalViewPr>
  <p:slideViewPr>
    <p:cSldViewPr snapToGrid="0" showGuides="1">
      <p:cViewPr>
        <p:scale>
          <a:sx n="75" d="100"/>
          <a:sy n="75" d="100"/>
        </p:scale>
        <p:origin x="974" y="21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7" Type="http://schemas.openxmlformats.org/officeDocument/2006/relationships/slide" Target="slides/slide1.xml"/><Relationship Id="rId12" Type="http://schemas.openxmlformats.org/officeDocument/2006/relationships/tableStyles" Target="table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ristian Lubina" userId="d20492f8-9294-48da-843a-0a0b5d9053a4" providerId="ADAL" clId="{70054647-1A82-4DE1-924C-112C63CD04B4}"/>
    <pc:docChg chg="undo custSel modSld">
      <pc:chgData name="Kristian Lubina" userId="d20492f8-9294-48da-843a-0a0b5d9053a4" providerId="ADAL" clId="{70054647-1A82-4DE1-924C-112C63CD04B4}" dt="2025-09-10T11:09:54.817" v="89" actId="14100"/>
      <pc:docMkLst>
        <pc:docMk/>
      </pc:docMkLst>
      <pc:sldChg chg="addSp delSp modSp mod">
        <pc:chgData name="Kristian Lubina" userId="d20492f8-9294-48da-843a-0a0b5d9053a4" providerId="ADAL" clId="{70054647-1A82-4DE1-924C-112C63CD04B4}" dt="2025-09-10T11:09:54.817" v="89" actId="14100"/>
        <pc:sldMkLst>
          <pc:docMk/>
          <pc:sldMk cId="2540347132" sldId="256"/>
        </pc:sldMkLst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4" creationId="{8ACA7C9F-CBFB-E1C3-05CB-7B9C690B303C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5" creationId="{055E440E-200C-04E5-3B34-A6E9598B3AAB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6" creationId="{0A48779E-67C5-8E8D-043E-3F12C1236059}"/>
          </ac:spMkLst>
        </pc:spChg>
        <pc:spChg chg="mod">
          <ac:chgData name="Kristian Lubina" userId="d20492f8-9294-48da-843a-0a0b5d9053a4" providerId="ADAL" clId="{70054647-1A82-4DE1-924C-112C63CD04B4}" dt="2025-09-10T10:56:26.953" v="62" actId="1076"/>
          <ac:spMkLst>
            <pc:docMk/>
            <pc:sldMk cId="2540347132" sldId="256"/>
            <ac:spMk id="7" creationId="{0FE201B7-A3C3-0E63-D67E-46725A7EFBCA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8" creationId="{E82034C7-B972-EBE9-A0B4-2CD2F3D687CC}"/>
          </ac:spMkLst>
        </pc:spChg>
        <pc:spChg chg="mod">
          <ac:chgData name="Kristian Lubina" userId="d20492f8-9294-48da-843a-0a0b5d9053a4" providerId="ADAL" clId="{70054647-1A82-4DE1-924C-112C63CD04B4}" dt="2025-09-10T10:57:40.562" v="73" actId="1076"/>
          <ac:spMkLst>
            <pc:docMk/>
            <pc:sldMk cId="2540347132" sldId="256"/>
            <ac:spMk id="10" creationId="{681FA69B-1E24-387A-EDA0-22A73DE25370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11" creationId="{3C1B774D-54D7-1819-7C61-F2F4764D206C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12" creationId="{F58B046F-1D57-EA44-3140-D1DB525677CB}"/>
          </ac:spMkLst>
        </pc:spChg>
        <pc:spChg chg="mod">
          <ac:chgData name="Kristian Lubina" userId="d20492f8-9294-48da-843a-0a0b5d9053a4" providerId="ADAL" clId="{70054647-1A82-4DE1-924C-112C63CD04B4}" dt="2025-09-10T10:55:50.884" v="56" actId="12788"/>
          <ac:spMkLst>
            <pc:docMk/>
            <pc:sldMk cId="2540347132" sldId="256"/>
            <ac:spMk id="13" creationId="{514DE705-0FB2-CA0F-A738-D7F63B4D2A5D}"/>
          </ac:spMkLst>
        </pc:spChg>
        <pc:spChg chg="mod">
          <ac:chgData name="Kristian Lubina" userId="d20492f8-9294-48da-843a-0a0b5d9053a4" providerId="ADAL" clId="{70054647-1A82-4DE1-924C-112C63CD04B4}" dt="2025-09-10T10:49:05.727" v="38" actId="1076"/>
          <ac:spMkLst>
            <pc:docMk/>
            <pc:sldMk cId="2540347132" sldId="256"/>
            <ac:spMk id="14" creationId="{6AE4D5AB-C74D-54FC-B0D4-B418CD0E03A4}"/>
          </ac:spMkLst>
        </pc:spChg>
        <pc:spChg chg="mod">
          <ac:chgData name="Kristian Lubina" userId="d20492f8-9294-48da-843a-0a0b5d9053a4" providerId="ADAL" clId="{70054647-1A82-4DE1-924C-112C63CD04B4}" dt="2025-09-10T10:57:50.888" v="74" actId="1076"/>
          <ac:spMkLst>
            <pc:docMk/>
            <pc:sldMk cId="2540347132" sldId="256"/>
            <ac:spMk id="15" creationId="{CACFBD71-F371-C1E2-B1BF-1AB784D3BF19}"/>
          </ac:spMkLst>
        </pc:spChg>
        <pc:spChg chg="mod">
          <ac:chgData name="Kristian Lubina" userId="d20492f8-9294-48da-843a-0a0b5d9053a4" providerId="ADAL" clId="{70054647-1A82-4DE1-924C-112C63CD04B4}" dt="2025-09-10T10:57:22.358" v="69" actId="1076"/>
          <ac:spMkLst>
            <pc:docMk/>
            <pc:sldMk cId="2540347132" sldId="256"/>
            <ac:spMk id="16" creationId="{3FD4042B-0A80-1059-817A-392F9F1BA017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17" creationId="{D641B1AB-09FB-92D1-9646-BF256052A05C}"/>
          </ac:spMkLst>
        </pc:spChg>
        <pc:spChg chg="mod">
          <ac:chgData name="Kristian Lubina" userId="d20492f8-9294-48da-843a-0a0b5d9053a4" providerId="ADAL" clId="{70054647-1A82-4DE1-924C-112C63CD04B4}" dt="2025-09-10T10:54:49.130" v="50" actId="408"/>
          <ac:spMkLst>
            <pc:docMk/>
            <pc:sldMk cId="2540347132" sldId="256"/>
            <ac:spMk id="18" creationId="{189A14CA-6ECB-4D27-F5E3-C66D54A41311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19" creationId="{D1B02A61-F837-B06D-4AE1-ED316B0DEAFA}"/>
          </ac:spMkLst>
        </pc:spChg>
        <pc:spChg chg="mod">
          <ac:chgData name="Kristian Lubina" userId="d20492f8-9294-48da-843a-0a0b5d9053a4" providerId="ADAL" clId="{70054647-1A82-4DE1-924C-112C63CD04B4}" dt="2025-09-10T10:58:14.192" v="77" actId="1076"/>
          <ac:spMkLst>
            <pc:docMk/>
            <pc:sldMk cId="2540347132" sldId="256"/>
            <ac:spMk id="26" creationId="{96FD2764-87AA-864B-0FC2-C9A7B5BAD10C}"/>
          </ac:spMkLst>
        </pc:spChg>
        <pc:spChg chg="mod">
          <ac:chgData name="Kristian Lubina" userId="d20492f8-9294-48da-843a-0a0b5d9053a4" providerId="ADAL" clId="{70054647-1A82-4DE1-924C-112C63CD04B4}" dt="2025-09-10T10:57:30.351" v="71" actId="1076"/>
          <ac:spMkLst>
            <pc:docMk/>
            <pc:sldMk cId="2540347132" sldId="256"/>
            <ac:spMk id="27" creationId="{159F976F-1E0B-3C3E-F78D-DAF3D6F385B7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28" creationId="{135B9FCF-34BE-0060-7FC0-698545F50E24}"/>
          </ac:spMkLst>
        </pc:spChg>
        <pc:spChg chg="mod">
          <ac:chgData name="Kristian Lubina" userId="d20492f8-9294-48da-843a-0a0b5d9053a4" providerId="ADAL" clId="{70054647-1A82-4DE1-924C-112C63CD04B4}" dt="2025-09-10T10:57:10.489" v="67" actId="1076"/>
          <ac:spMkLst>
            <pc:docMk/>
            <pc:sldMk cId="2540347132" sldId="256"/>
            <ac:spMk id="29" creationId="{5F9BD2C5-23B7-C163-B689-4B02D1A0F43D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30" creationId="{8C2208C9-F335-6E06-EC40-71E9F5070365}"/>
          </ac:spMkLst>
        </pc:spChg>
        <pc:spChg chg="mod">
          <ac:chgData name="Kristian Lubina" userId="d20492f8-9294-48da-843a-0a0b5d9053a4" providerId="ADAL" clId="{70054647-1A82-4DE1-924C-112C63CD04B4}" dt="2025-09-10T10:55:50.884" v="56" actId="12788"/>
          <ac:spMkLst>
            <pc:docMk/>
            <pc:sldMk cId="2540347132" sldId="256"/>
            <ac:spMk id="31" creationId="{2942A1CC-6E26-B2C2-19DC-26D5DE0CDC80}"/>
          </ac:spMkLst>
        </pc:spChg>
        <pc:cxnChg chg="add mod">
          <ac:chgData name="Kristian Lubina" userId="d20492f8-9294-48da-843a-0a0b5d9053a4" providerId="ADAL" clId="{70054647-1A82-4DE1-924C-112C63CD04B4}" dt="2025-09-10T10:58:14.192" v="77" actId="1076"/>
          <ac:cxnSpMkLst>
            <pc:docMk/>
            <pc:sldMk cId="2540347132" sldId="256"/>
            <ac:cxnSpMk id="3" creationId="{26C063FE-3242-681F-7B9E-E2275A3B3265}"/>
          </ac:cxnSpMkLst>
        </pc:cxnChg>
        <pc:cxnChg chg="add mod">
          <ac:chgData name="Kristian Lubina" userId="d20492f8-9294-48da-843a-0a0b5d9053a4" providerId="ADAL" clId="{70054647-1A82-4DE1-924C-112C63CD04B4}" dt="2025-09-10T10:57:40.562" v="73" actId="1076"/>
          <ac:cxnSpMkLst>
            <pc:docMk/>
            <pc:sldMk cId="2540347132" sldId="256"/>
            <ac:cxnSpMk id="23" creationId="{F6FCA146-A830-E946-AC14-35B63FDB4FDD}"/>
          </ac:cxnSpMkLst>
        </pc:cxnChg>
        <pc:cxnChg chg="add mod">
          <ac:chgData name="Kristian Lubina" userId="d20492f8-9294-48da-843a-0a0b5d9053a4" providerId="ADAL" clId="{70054647-1A82-4DE1-924C-112C63CD04B4}" dt="2025-09-10T10:57:40.562" v="73" actId="1076"/>
          <ac:cxnSpMkLst>
            <pc:docMk/>
            <pc:sldMk cId="2540347132" sldId="256"/>
            <ac:cxnSpMk id="25" creationId="{C21996F4-1215-1324-B26C-AF1C6BA81243}"/>
          </ac:cxnSpMkLst>
        </pc:cxnChg>
        <pc:cxnChg chg="add mod">
          <ac:chgData name="Kristian Lubina" userId="d20492f8-9294-48da-843a-0a0b5d9053a4" providerId="ADAL" clId="{70054647-1A82-4DE1-924C-112C63CD04B4}" dt="2025-09-10T10:57:37.960" v="72" actId="1076"/>
          <ac:cxnSpMkLst>
            <pc:docMk/>
            <pc:sldMk cId="2540347132" sldId="256"/>
            <ac:cxnSpMk id="33" creationId="{902E2F24-EE3C-DE0B-C2B0-7B2653D7CE64}"/>
          </ac:cxnSpMkLst>
        </pc:cxnChg>
        <pc:cxnChg chg="add mod">
          <ac:chgData name="Kristian Lubina" userId="d20492f8-9294-48da-843a-0a0b5d9053a4" providerId="ADAL" clId="{70054647-1A82-4DE1-924C-112C63CD04B4}" dt="2025-09-10T10:57:01.666" v="65" actId="1076"/>
          <ac:cxnSpMkLst>
            <pc:docMk/>
            <pc:sldMk cId="2540347132" sldId="256"/>
            <ac:cxnSpMk id="36" creationId="{A947E361-58AA-9E9B-1CE1-1AC201F3CAAA}"/>
          </ac:cxnSpMkLst>
        </pc:cxnChg>
        <pc:cxnChg chg="add mod">
          <ac:chgData name="Kristian Lubina" userId="d20492f8-9294-48da-843a-0a0b5d9053a4" providerId="ADAL" clId="{70054647-1A82-4DE1-924C-112C63CD04B4}" dt="2025-09-10T10:57:17.459" v="68" actId="1076"/>
          <ac:cxnSpMkLst>
            <pc:docMk/>
            <pc:sldMk cId="2540347132" sldId="256"/>
            <ac:cxnSpMk id="38" creationId="{407128C1-5048-30FA-E9E5-3A364F3827AB}"/>
          </ac:cxnSpMkLst>
        </pc:cxnChg>
        <pc:cxnChg chg="add mod">
          <ac:chgData name="Kristian Lubina" userId="d20492f8-9294-48da-843a-0a0b5d9053a4" providerId="ADAL" clId="{70054647-1A82-4DE1-924C-112C63CD04B4}" dt="2025-09-10T10:56:04.909" v="59" actId="1076"/>
          <ac:cxnSpMkLst>
            <pc:docMk/>
            <pc:sldMk cId="2540347132" sldId="256"/>
            <ac:cxnSpMk id="40" creationId="{525530BE-F1D4-D922-2738-A3B0F95E8AAB}"/>
          </ac:cxnSpMkLst>
        </pc:cxnChg>
        <pc:cxnChg chg="add mod">
          <ac:chgData name="Kristian Lubina" userId="d20492f8-9294-48da-843a-0a0b5d9053a4" providerId="ADAL" clId="{70054647-1A82-4DE1-924C-112C63CD04B4}" dt="2025-09-10T10:56:01.935" v="58" actId="1076"/>
          <ac:cxnSpMkLst>
            <pc:docMk/>
            <pc:sldMk cId="2540347132" sldId="256"/>
            <ac:cxnSpMk id="42" creationId="{3D396910-5C99-936D-D2FB-E079489B0904}"/>
          </ac:cxnSpMkLst>
        </pc:cxnChg>
        <pc:cxnChg chg="add mod">
          <ac:chgData name="Kristian Lubina" userId="d20492f8-9294-48da-843a-0a0b5d9053a4" providerId="ADAL" clId="{70054647-1A82-4DE1-924C-112C63CD04B4}" dt="2025-09-10T10:55:59.488" v="57" actId="1076"/>
          <ac:cxnSpMkLst>
            <pc:docMk/>
            <pc:sldMk cId="2540347132" sldId="256"/>
            <ac:cxnSpMk id="44" creationId="{AD5C26B4-ED61-9157-D401-E005E483B847}"/>
          </ac:cxnSpMkLst>
        </pc:cxnChg>
        <pc:cxnChg chg="add mod">
          <ac:chgData name="Kristian Lubina" userId="d20492f8-9294-48da-843a-0a0b5d9053a4" providerId="ADAL" clId="{70054647-1A82-4DE1-924C-112C63CD04B4}" dt="2025-09-10T10:56:26.953" v="62" actId="1076"/>
          <ac:cxnSpMkLst>
            <pc:docMk/>
            <pc:sldMk cId="2540347132" sldId="256"/>
            <ac:cxnSpMk id="46" creationId="{8D416FAB-3568-197E-49DE-9FFEC81A39CA}"/>
          </ac:cxnSpMkLst>
        </pc:cxnChg>
        <pc:cxnChg chg="add mod">
          <ac:chgData name="Kristian Lubina" userId="d20492f8-9294-48da-843a-0a0b5d9053a4" providerId="ADAL" clId="{70054647-1A82-4DE1-924C-112C63CD04B4}" dt="2025-09-10T10:57:26.658" v="70" actId="1076"/>
          <ac:cxnSpMkLst>
            <pc:docMk/>
            <pc:sldMk cId="2540347132" sldId="256"/>
            <ac:cxnSpMk id="48" creationId="{21126B93-785F-D723-6CB6-DF80ADAC8CAD}"/>
          </ac:cxnSpMkLst>
        </pc:cxnChg>
        <pc:cxnChg chg="add mod">
          <ac:chgData name="Kristian Lubina" userId="d20492f8-9294-48da-843a-0a0b5d9053a4" providerId="ADAL" clId="{70054647-1A82-4DE1-924C-112C63CD04B4}" dt="2025-09-10T10:56:16.381" v="61" actId="1076"/>
          <ac:cxnSpMkLst>
            <pc:docMk/>
            <pc:sldMk cId="2540347132" sldId="256"/>
            <ac:cxnSpMk id="50" creationId="{0FD64D0D-D544-E411-55B8-53A8FDD339E5}"/>
          </ac:cxnSpMkLst>
        </pc:cxnChg>
        <pc:cxnChg chg="add mod">
          <ac:chgData name="Kristian Lubina" userId="d20492f8-9294-48da-843a-0a0b5d9053a4" providerId="ADAL" clId="{70054647-1A82-4DE1-924C-112C63CD04B4}" dt="2025-09-10T10:57:10.489" v="67" actId="1076"/>
          <ac:cxnSpMkLst>
            <pc:docMk/>
            <pc:sldMk cId="2540347132" sldId="256"/>
            <ac:cxnSpMk id="52" creationId="{E720D9AF-FB1D-6235-A606-772317B50B9D}"/>
          </ac:cxnSpMkLst>
        </pc:cxnChg>
        <pc:cxnChg chg="add mod">
          <ac:chgData name="Kristian Lubina" userId="d20492f8-9294-48da-843a-0a0b5d9053a4" providerId="ADAL" clId="{70054647-1A82-4DE1-924C-112C63CD04B4}" dt="2025-09-10T10:58:02.064" v="76" actId="1076"/>
          <ac:cxnSpMkLst>
            <pc:docMk/>
            <pc:sldMk cId="2540347132" sldId="256"/>
            <ac:cxnSpMk id="54" creationId="{CAD36A46-0380-9E3D-B152-3DF7B01B765B}"/>
          </ac:cxnSpMkLst>
        </pc:cxnChg>
        <pc:cxnChg chg="add mod">
          <ac:chgData name="Kristian Lubina" userId="d20492f8-9294-48da-843a-0a0b5d9053a4" providerId="ADAL" clId="{70054647-1A82-4DE1-924C-112C63CD04B4}" dt="2025-09-10T10:57:26.658" v="70" actId="1076"/>
          <ac:cxnSpMkLst>
            <pc:docMk/>
            <pc:sldMk cId="2540347132" sldId="256"/>
            <ac:cxnSpMk id="57" creationId="{A61D7A49-233D-4242-7DE7-E556F4EFD579}"/>
          </ac:cxnSpMkLst>
        </pc:cxnChg>
        <pc:cxnChg chg="add mod">
          <ac:chgData name="Kristian Lubina" userId="d20492f8-9294-48da-843a-0a0b5d9053a4" providerId="ADAL" clId="{70054647-1A82-4DE1-924C-112C63CD04B4}" dt="2025-09-10T10:57:50.888" v="74" actId="1076"/>
          <ac:cxnSpMkLst>
            <pc:docMk/>
            <pc:sldMk cId="2540347132" sldId="256"/>
            <ac:cxnSpMk id="59" creationId="{FF9CF25E-4D66-1779-651C-A430BD0E8071}"/>
          </ac:cxnSpMkLst>
        </pc:cxnChg>
        <pc:cxnChg chg="add mod">
          <ac:chgData name="Kristian Lubina" userId="d20492f8-9294-48da-843a-0a0b5d9053a4" providerId="ADAL" clId="{70054647-1A82-4DE1-924C-112C63CD04B4}" dt="2025-09-10T10:58:14.192" v="77" actId="1076"/>
          <ac:cxnSpMkLst>
            <pc:docMk/>
            <pc:sldMk cId="2540347132" sldId="256"/>
            <ac:cxnSpMk id="61" creationId="{F4161609-C8CB-D432-E6D3-7A89DF93E960}"/>
          </ac:cxnSpMkLst>
        </pc:cxnChg>
        <pc:cxnChg chg="add mod">
          <ac:chgData name="Kristian Lubina" userId="d20492f8-9294-48da-843a-0a0b5d9053a4" providerId="ADAL" clId="{70054647-1A82-4DE1-924C-112C63CD04B4}" dt="2025-09-10T10:57:03.997" v="66" actId="1076"/>
          <ac:cxnSpMkLst>
            <pc:docMk/>
            <pc:sldMk cId="2540347132" sldId="256"/>
            <ac:cxnSpMk id="63" creationId="{BC7DF25D-5A9F-EFC3-91F8-93B5D4D55BD2}"/>
          </ac:cxnSpMkLst>
        </pc:cxnChg>
        <pc:cxnChg chg="add mod">
          <ac:chgData name="Kristian Lubina" userId="d20492f8-9294-48da-843a-0a0b5d9053a4" providerId="ADAL" clId="{70054647-1A82-4DE1-924C-112C63CD04B4}" dt="2025-09-10T10:57:01.666" v="65" actId="1076"/>
          <ac:cxnSpMkLst>
            <pc:docMk/>
            <pc:sldMk cId="2540347132" sldId="256"/>
            <ac:cxnSpMk id="65" creationId="{B4BDA3F6-18DF-8E7B-1B63-8BC1BCF31D71}"/>
          </ac:cxnSpMkLst>
        </pc:cxnChg>
        <pc:cxnChg chg="add mod">
          <ac:chgData name="Kristian Lubina" userId="d20492f8-9294-48da-843a-0a0b5d9053a4" providerId="ADAL" clId="{70054647-1A82-4DE1-924C-112C63CD04B4}" dt="2025-09-10T11:06:37.624" v="83" actId="14100"/>
          <ac:cxnSpMkLst>
            <pc:docMk/>
            <pc:sldMk cId="2540347132" sldId="256"/>
            <ac:cxnSpMk id="95" creationId="{D6427729-7E0D-287A-7E39-9127FE928859}"/>
          </ac:cxnSpMkLst>
        </pc:cxnChg>
        <pc:cxnChg chg="add mod">
          <ac:chgData name="Kristian Lubina" userId="d20492f8-9294-48da-843a-0a0b5d9053a4" providerId="ADAL" clId="{70054647-1A82-4DE1-924C-112C63CD04B4}" dt="2025-09-10T11:07:54.264" v="85" actId="14100"/>
          <ac:cxnSpMkLst>
            <pc:docMk/>
            <pc:sldMk cId="2540347132" sldId="256"/>
            <ac:cxnSpMk id="100" creationId="{1920A050-029F-326F-11EC-75EC1A8F4A1E}"/>
          </ac:cxnSpMkLst>
        </pc:cxnChg>
        <pc:cxnChg chg="add del mod">
          <ac:chgData name="Kristian Lubina" userId="d20492f8-9294-48da-843a-0a0b5d9053a4" providerId="ADAL" clId="{70054647-1A82-4DE1-924C-112C63CD04B4}" dt="2025-09-10T11:09:39.952" v="87" actId="11529"/>
          <ac:cxnSpMkLst>
            <pc:docMk/>
            <pc:sldMk cId="2540347132" sldId="256"/>
            <ac:cxnSpMk id="103" creationId="{67C11082-1F62-F48B-34AD-8A67C406A823}"/>
          </ac:cxnSpMkLst>
        </pc:cxnChg>
        <pc:cxnChg chg="add mod">
          <ac:chgData name="Kristian Lubina" userId="d20492f8-9294-48da-843a-0a0b5d9053a4" providerId="ADAL" clId="{70054647-1A82-4DE1-924C-112C63CD04B4}" dt="2025-09-10T11:09:54.817" v="89" actId="14100"/>
          <ac:cxnSpMkLst>
            <pc:docMk/>
            <pc:sldMk cId="2540347132" sldId="256"/>
            <ac:cxnSpMk id="105" creationId="{0C84FF20-36C0-BD91-57F3-CAA290CE0742}"/>
          </ac:cxnSpMkLst>
        </pc:cxn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A3C172-8945-4189-AABF-306FFB3D052F}" type="datetimeFigureOut">
              <a:rPr lang="en-US" smtClean="0"/>
              <a:t>9/10/2025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C6894C-2343-459D-88D7-5041FE4A84B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976209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50395869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95889535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12944708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13575528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54898212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60086360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2275794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65892111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948817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4758394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0354484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Placeholder 1">
            <a:extLst>
              <a:ext uri="{FF2B5EF4-FFF2-40B4-BE49-F238E27FC236}">
                <a16:creationId xmlns:a16="http://schemas.microsoft.com/office/drawing/2014/main" id="{B9905801-388D-4253-87A4-6EB37F81BF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BBE98C94-2CFC-443B-A8C2-6EFED990E01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20" name="Date Placeholder 3">
            <a:extLst>
              <a:ext uri="{FF2B5EF4-FFF2-40B4-BE49-F238E27FC236}">
                <a16:creationId xmlns:a16="http://schemas.microsoft.com/office/drawing/2014/main" id="{C9B99DF4-0A27-4D37-B411-4D8EF767613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9/10/2025</a:t>
            </a:fld>
            <a:endParaRPr lang="en-NL"/>
          </a:p>
        </p:txBody>
      </p:sp>
      <p:sp>
        <p:nvSpPr>
          <p:cNvPr id="21" name="Footer Placeholder 4">
            <a:extLst>
              <a:ext uri="{FF2B5EF4-FFF2-40B4-BE49-F238E27FC236}">
                <a16:creationId xmlns:a16="http://schemas.microsoft.com/office/drawing/2014/main" id="{3B1DC021-EAB1-4F43-97DD-2B2B6852B9B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22" name="Slide Number Placeholder 5">
            <a:extLst>
              <a:ext uri="{FF2B5EF4-FFF2-40B4-BE49-F238E27FC236}">
                <a16:creationId xmlns:a16="http://schemas.microsoft.com/office/drawing/2014/main" id="{24D7D44E-BE5A-4F58-94A1-C1365101104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59385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dt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24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12000" algn="l" defTabSz="3175" rtl="0" eaLnBrk="1" latinLnBrk="0" hangingPunct="1">
        <a:defRPr sz="1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4pPr>
      <a:lvl5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66" userDrawn="1">
          <p15:clr>
            <a:srgbClr val="F26B43"/>
          </p15:clr>
        </p15:guide>
        <p15:guide id="2" pos="7514" userDrawn="1">
          <p15:clr>
            <a:srgbClr val="F26B43"/>
          </p15:clr>
        </p15:guide>
        <p15:guide id="3" orient="horz" pos="709" userDrawn="1">
          <p15:clr>
            <a:srgbClr val="F26B43"/>
          </p15:clr>
        </p15:guide>
        <p15:guide id="4" orient="horz" pos="3997" userDrawn="1">
          <p15:clr>
            <a:srgbClr val="F26B43"/>
          </p15:clr>
        </p15:guide>
        <p15:guide id="5" pos="3840" userDrawn="1">
          <p15:clr>
            <a:srgbClr val="F26B43"/>
          </p15:clr>
        </p15:guide>
        <p15:guide id="6" orient="horz" pos="2364" userDrawn="1">
          <p15:clr>
            <a:srgbClr val="F26B43"/>
          </p15:clr>
        </p15:guide>
        <p15:guide id="7" orient="horz" pos="1321" userDrawn="1">
          <p15:clr>
            <a:srgbClr val="A4A3A4"/>
          </p15:clr>
        </p15:guide>
        <p15:guide id="8" orient="horz" pos="86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8ACA7C9F-CBFB-E1C3-05CB-7B9C690B303C}"/>
              </a:ext>
            </a:extLst>
          </p:cNvPr>
          <p:cNvSpPr/>
          <p:nvPr/>
        </p:nvSpPr>
        <p:spPr>
          <a:xfrm>
            <a:off x="888242" y="1068487"/>
            <a:ext cx="683199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LinAlg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55E440E-200C-04E5-3B34-A6E9598B3AAB}"/>
              </a:ext>
            </a:extLst>
          </p:cNvPr>
          <p:cNvSpPr/>
          <p:nvPr/>
        </p:nvSpPr>
        <p:spPr>
          <a:xfrm>
            <a:off x="3558240" y="1061554"/>
            <a:ext cx="60305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Ana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0A48779E-67C5-8E8D-043E-3F12C1236059}"/>
              </a:ext>
            </a:extLst>
          </p:cNvPr>
          <p:cNvSpPr/>
          <p:nvPr/>
        </p:nvSpPr>
        <p:spPr>
          <a:xfrm>
            <a:off x="7012207" y="1045292"/>
            <a:ext cx="633507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NuS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0FE201B7-A3C3-0E63-D67E-46725A7EFBCA}"/>
              </a:ext>
            </a:extLst>
          </p:cNvPr>
          <p:cNvSpPr/>
          <p:nvPr/>
        </p:nvSpPr>
        <p:spPr>
          <a:xfrm>
            <a:off x="9004752" y="977668"/>
            <a:ext cx="871712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DigiTec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82034C7-B972-EBE9-A0B4-2CD2F3D687CC}"/>
              </a:ext>
            </a:extLst>
          </p:cNvPr>
          <p:cNvSpPr/>
          <p:nvPr/>
        </p:nvSpPr>
        <p:spPr>
          <a:xfrm>
            <a:off x="10309345" y="979713"/>
            <a:ext cx="999953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TechMec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42A2219-B968-6E7C-EE2C-5CF0E1D1DDAD}"/>
              </a:ext>
            </a:extLst>
          </p:cNvPr>
          <p:cNvSpPr/>
          <p:nvPr/>
        </p:nvSpPr>
        <p:spPr>
          <a:xfrm>
            <a:off x="1656436" y="2466391"/>
            <a:ext cx="482824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Inf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81FA69B-1E24-387A-EDA0-22A73DE25370}"/>
              </a:ext>
            </a:extLst>
          </p:cNvPr>
          <p:cNvSpPr/>
          <p:nvPr/>
        </p:nvSpPr>
        <p:spPr>
          <a:xfrm>
            <a:off x="3601810" y="2480386"/>
            <a:ext cx="60305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Ana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C1B774D-54D7-1819-7C61-F2F4764D206C}"/>
              </a:ext>
            </a:extLst>
          </p:cNvPr>
          <p:cNvSpPr/>
          <p:nvPr/>
        </p:nvSpPr>
        <p:spPr>
          <a:xfrm>
            <a:off x="7010035" y="2466392"/>
            <a:ext cx="633507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NuS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58B046F-1D57-EA44-3140-D1DB525677CB}"/>
              </a:ext>
            </a:extLst>
          </p:cNvPr>
          <p:cNvSpPr/>
          <p:nvPr/>
        </p:nvSpPr>
        <p:spPr>
          <a:xfrm>
            <a:off x="5248338" y="2508384"/>
            <a:ext cx="780983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MthMt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14DE705-0FB2-CA0F-A738-D7F63B4D2A5D}"/>
              </a:ext>
            </a:extLst>
          </p:cNvPr>
          <p:cNvSpPr/>
          <p:nvPr/>
        </p:nvSpPr>
        <p:spPr>
          <a:xfrm>
            <a:off x="10512606" y="2480387"/>
            <a:ext cx="593431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Phy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AE4D5AB-C74D-54FC-B0D4-B418CD0E03A4}"/>
              </a:ext>
            </a:extLst>
          </p:cNvPr>
          <p:cNvSpPr/>
          <p:nvPr/>
        </p:nvSpPr>
        <p:spPr>
          <a:xfrm>
            <a:off x="1676559" y="3995059"/>
            <a:ext cx="482824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Inf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ACFBD71-F371-C1E2-B1BF-1AB784D3BF19}"/>
              </a:ext>
            </a:extLst>
          </p:cNvPr>
          <p:cNvSpPr/>
          <p:nvPr/>
        </p:nvSpPr>
        <p:spPr>
          <a:xfrm>
            <a:off x="3592082" y="3995059"/>
            <a:ext cx="60305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Ana3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FD4042B-0A80-1059-817A-392F9F1BA017}"/>
              </a:ext>
            </a:extLst>
          </p:cNvPr>
          <p:cNvSpPr/>
          <p:nvPr/>
        </p:nvSpPr>
        <p:spPr>
          <a:xfrm>
            <a:off x="5173047" y="3995059"/>
            <a:ext cx="832279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DiskMt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641B1AB-09FB-92D1-9646-BF256052A05C}"/>
              </a:ext>
            </a:extLst>
          </p:cNvPr>
          <p:cNvSpPr/>
          <p:nvPr/>
        </p:nvSpPr>
        <p:spPr>
          <a:xfrm>
            <a:off x="6918150" y="3995059"/>
            <a:ext cx="84350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SigSys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189A14CA-6ECB-4D27-F5E3-C66D54A41311}"/>
              </a:ext>
            </a:extLst>
          </p:cNvPr>
          <p:cNvSpPr/>
          <p:nvPr/>
        </p:nvSpPr>
        <p:spPr>
          <a:xfrm>
            <a:off x="8945440" y="3995059"/>
            <a:ext cx="931024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HalbTec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1B02A61-F837-B06D-4AE1-ED316B0DEAFA}"/>
              </a:ext>
            </a:extLst>
          </p:cNvPr>
          <p:cNvSpPr/>
          <p:nvPr/>
        </p:nvSpPr>
        <p:spPr>
          <a:xfrm>
            <a:off x="10512606" y="3981061"/>
            <a:ext cx="593431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Phy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96FD2764-87AA-864B-0FC2-C9A7B5BAD10C}"/>
              </a:ext>
            </a:extLst>
          </p:cNvPr>
          <p:cNvSpPr/>
          <p:nvPr/>
        </p:nvSpPr>
        <p:spPr>
          <a:xfrm>
            <a:off x="888242" y="5481735"/>
            <a:ext cx="612667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NMt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159F976F-1E0B-3C3E-F78D-DAF3D6F385B7}"/>
              </a:ext>
            </a:extLst>
          </p:cNvPr>
          <p:cNvSpPr/>
          <p:nvPr/>
        </p:nvSpPr>
        <p:spPr>
          <a:xfrm>
            <a:off x="3042330" y="5495599"/>
            <a:ext cx="111896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Wahr+Stats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35B9FCF-34BE-0060-7FC0-698545F50E24}"/>
              </a:ext>
            </a:extLst>
          </p:cNvPr>
          <p:cNvSpPr/>
          <p:nvPr/>
        </p:nvSpPr>
        <p:spPr>
          <a:xfrm>
            <a:off x="5173870" y="5481734"/>
            <a:ext cx="761106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TechInf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F9BD2C5-23B7-C163-B689-4B02D1A0F43D}"/>
              </a:ext>
            </a:extLst>
          </p:cNvPr>
          <p:cNvSpPr/>
          <p:nvPr/>
        </p:nvSpPr>
        <p:spPr>
          <a:xfrm>
            <a:off x="6911594" y="5488756"/>
            <a:ext cx="84350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SigSys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C2208C9-F335-6E06-EC40-71E9F5070365}"/>
              </a:ext>
            </a:extLst>
          </p:cNvPr>
          <p:cNvSpPr/>
          <p:nvPr/>
        </p:nvSpPr>
        <p:spPr>
          <a:xfrm>
            <a:off x="8992157" y="5481735"/>
            <a:ext cx="813043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HalbEle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942A1CC-6E26-B2C2-19DC-26D5DE0CDC80}"/>
              </a:ext>
            </a:extLst>
          </p:cNvPr>
          <p:cNvSpPr/>
          <p:nvPr/>
        </p:nvSpPr>
        <p:spPr>
          <a:xfrm>
            <a:off x="10139907" y="5481735"/>
            <a:ext cx="1338828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Elektromagnet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26C063FE-3242-681F-7B9E-E2275A3B3265}"/>
              </a:ext>
            </a:extLst>
          </p:cNvPr>
          <p:cNvCxnSpPr>
            <a:cxnSpLocks/>
            <a:stCxn id="4" idx="2"/>
            <a:endCxn id="26" idx="0"/>
          </p:cNvCxnSpPr>
          <p:nvPr/>
        </p:nvCxnSpPr>
        <p:spPr>
          <a:xfrm flipH="1">
            <a:off x="1194576" y="1376264"/>
            <a:ext cx="35266" cy="4105471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F6FCA146-A830-E946-AC14-35B63FDB4FDD}"/>
              </a:ext>
            </a:extLst>
          </p:cNvPr>
          <p:cNvCxnSpPr>
            <a:stCxn id="4" idx="2"/>
            <a:endCxn id="10" idx="0"/>
          </p:cNvCxnSpPr>
          <p:nvPr/>
        </p:nvCxnSpPr>
        <p:spPr>
          <a:xfrm>
            <a:off x="1229842" y="1376264"/>
            <a:ext cx="2673493" cy="110412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C21996F4-1215-1324-B26C-AF1C6BA81243}"/>
              </a:ext>
            </a:extLst>
          </p:cNvPr>
          <p:cNvCxnSpPr>
            <a:stCxn id="5" idx="2"/>
            <a:endCxn id="10" idx="0"/>
          </p:cNvCxnSpPr>
          <p:nvPr/>
        </p:nvCxnSpPr>
        <p:spPr>
          <a:xfrm>
            <a:off x="3859765" y="1369331"/>
            <a:ext cx="43570" cy="111105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902E2F24-EE3C-DE0B-C2B0-7B2653D7CE64}"/>
              </a:ext>
            </a:extLst>
          </p:cNvPr>
          <p:cNvCxnSpPr>
            <a:cxnSpLocks/>
            <a:stCxn id="5" idx="2"/>
            <a:endCxn id="12" idx="0"/>
          </p:cNvCxnSpPr>
          <p:nvPr/>
        </p:nvCxnSpPr>
        <p:spPr>
          <a:xfrm>
            <a:off x="3859765" y="1369331"/>
            <a:ext cx="1779065" cy="113905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A947E361-58AA-9E9B-1CE1-1AC201F3CAAA}"/>
              </a:ext>
            </a:extLst>
          </p:cNvPr>
          <p:cNvCxnSpPr>
            <a:stCxn id="6" idx="2"/>
            <a:endCxn id="11" idx="0"/>
          </p:cNvCxnSpPr>
          <p:nvPr/>
        </p:nvCxnSpPr>
        <p:spPr>
          <a:xfrm flipH="1">
            <a:off x="7326789" y="1353069"/>
            <a:ext cx="2172" cy="111332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407128C1-5048-30FA-E9E5-3A364F3827AB}"/>
              </a:ext>
            </a:extLst>
          </p:cNvPr>
          <p:cNvCxnSpPr>
            <a:stCxn id="12" idx="2"/>
            <a:endCxn id="17" idx="0"/>
          </p:cNvCxnSpPr>
          <p:nvPr/>
        </p:nvCxnSpPr>
        <p:spPr>
          <a:xfrm>
            <a:off x="5638830" y="2816161"/>
            <a:ext cx="1701070" cy="117889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525530BE-F1D4-D922-2738-A3B0F95E8AAB}"/>
              </a:ext>
            </a:extLst>
          </p:cNvPr>
          <p:cNvCxnSpPr>
            <a:cxnSpLocks/>
          </p:cNvCxnSpPr>
          <p:nvPr/>
        </p:nvCxnSpPr>
        <p:spPr>
          <a:xfrm>
            <a:off x="10809320" y="1287490"/>
            <a:ext cx="0" cy="119289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3D396910-5C99-936D-D2FB-E079489B0904}"/>
              </a:ext>
            </a:extLst>
          </p:cNvPr>
          <p:cNvCxnSpPr>
            <a:cxnSpLocks/>
          </p:cNvCxnSpPr>
          <p:nvPr/>
        </p:nvCxnSpPr>
        <p:spPr>
          <a:xfrm>
            <a:off x="10811813" y="2788164"/>
            <a:ext cx="0" cy="119289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AD5C26B4-ED61-9157-D401-E005E483B847}"/>
              </a:ext>
            </a:extLst>
          </p:cNvPr>
          <p:cNvCxnSpPr>
            <a:cxnSpLocks/>
          </p:cNvCxnSpPr>
          <p:nvPr/>
        </p:nvCxnSpPr>
        <p:spPr>
          <a:xfrm flipH="1">
            <a:off x="10809320" y="4288838"/>
            <a:ext cx="1" cy="119289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8D416FAB-3568-197E-49DE-9FFEC81A39CA}"/>
              </a:ext>
            </a:extLst>
          </p:cNvPr>
          <p:cNvCxnSpPr>
            <a:stCxn id="7" idx="2"/>
            <a:endCxn id="18" idx="0"/>
          </p:cNvCxnSpPr>
          <p:nvPr/>
        </p:nvCxnSpPr>
        <p:spPr>
          <a:xfrm flipH="1">
            <a:off x="9410952" y="1285445"/>
            <a:ext cx="29656" cy="270961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21126B93-785F-D723-6CB6-DF80ADAC8CAD}"/>
              </a:ext>
            </a:extLst>
          </p:cNvPr>
          <p:cNvCxnSpPr>
            <a:stCxn id="18" idx="2"/>
            <a:endCxn id="28" idx="0"/>
          </p:cNvCxnSpPr>
          <p:nvPr/>
        </p:nvCxnSpPr>
        <p:spPr>
          <a:xfrm flipH="1">
            <a:off x="5554423" y="4302836"/>
            <a:ext cx="3856529" cy="117889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0FD64D0D-D544-E411-55B8-53A8FDD339E5}"/>
              </a:ext>
            </a:extLst>
          </p:cNvPr>
          <p:cNvCxnSpPr>
            <a:stCxn id="18" idx="2"/>
            <a:endCxn id="30" idx="0"/>
          </p:cNvCxnSpPr>
          <p:nvPr/>
        </p:nvCxnSpPr>
        <p:spPr>
          <a:xfrm flipH="1">
            <a:off x="9398679" y="4302836"/>
            <a:ext cx="12273" cy="1178899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E720D9AF-FB1D-6235-A606-772317B50B9D}"/>
              </a:ext>
            </a:extLst>
          </p:cNvPr>
          <p:cNvCxnSpPr>
            <a:stCxn id="17" idx="2"/>
            <a:endCxn id="29" idx="0"/>
          </p:cNvCxnSpPr>
          <p:nvPr/>
        </p:nvCxnSpPr>
        <p:spPr>
          <a:xfrm flipH="1">
            <a:off x="7333344" y="4302836"/>
            <a:ext cx="6556" cy="118592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CAD36A46-0380-9E3D-B152-3DF7B01B765B}"/>
              </a:ext>
            </a:extLst>
          </p:cNvPr>
          <p:cNvCxnSpPr>
            <a:cxnSpLocks/>
            <a:stCxn id="9" idx="2"/>
            <a:endCxn id="14" idx="0"/>
          </p:cNvCxnSpPr>
          <p:nvPr/>
        </p:nvCxnSpPr>
        <p:spPr>
          <a:xfrm>
            <a:off x="1897848" y="2774168"/>
            <a:ext cx="20123" cy="1220891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A61D7A49-233D-4242-7DE7-E556F4EFD579}"/>
              </a:ext>
            </a:extLst>
          </p:cNvPr>
          <p:cNvCxnSpPr>
            <a:stCxn id="14" idx="2"/>
            <a:endCxn id="28" idx="0"/>
          </p:cNvCxnSpPr>
          <p:nvPr/>
        </p:nvCxnSpPr>
        <p:spPr>
          <a:xfrm>
            <a:off x="1917971" y="4302836"/>
            <a:ext cx="3636452" cy="117889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FF9CF25E-4D66-1779-651C-A430BD0E8071}"/>
              </a:ext>
            </a:extLst>
          </p:cNvPr>
          <p:cNvCxnSpPr>
            <a:stCxn id="10" idx="2"/>
            <a:endCxn id="15" idx="0"/>
          </p:cNvCxnSpPr>
          <p:nvPr/>
        </p:nvCxnSpPr>
        <p:spPr>
          <a:xfrm flipH="1">
            <a:off x="3893607" y="2788163"/>
            <a:ext cx="9728" cy="1206896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F4161609-C8CB-D432-E6D3-7A89DF93E960}"/>
              </a:ext>
            </a:extLst>
          </p:cNvPr>
          <p:cNvCxnSpPr>
            <a:stCxn id="15" idx="2"/>
            <a:endCxn id="26" idx="3"/>
          </p:cNvCxnSpPr>
          <p:nvPr/>
        </p:nvCxnSpPr>
        <p:spPr>
          <a:xfrm flipH="1">
            <a:off x="1500909" y="4302836"/>
            <a:ext cx="2392698" cy="133278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BC7DF25D-5A9F-EFC3-91F8-93B5D4D55BD2}"/>
              </a:ext>
            </a:extLst>
          </p:cNvPr>
          <p:cNvCxnSpPr>
            <a:stCxn id="11" idx="2"/>
            <a:endCxn id="17" idx="0"/>
          </p:cNvCxnSpPr>
          <p:nvPr/>
        </p:nvCxnSpPr>
        <p:spPr>
          <a:xfrm>
            <a:off x="7326789" y="2774169"/>
            <a:ext cx="13111" cy="122089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B4BDA3F6-18DF-8E7B-1B63-8BC1BCF31D71}"/>
              </a:ext>
            </a:extLst>
          </p:cNvPr>
          <p:cNvCxnSpPr>
            <a:stCxn id="11" idx="2"/>
            <a:endCxn id="18" idx="0"/>
          </p:cNvCxnSpPr>
          <p:nvPr/>
        </p:nvCxnSpPr>
        <p:spPr>
          <a:xfrm>
            <a:off x="7326789" y="2774169"/>
            <a:ext cx="2084163" cy="122089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Connector: Elbow 94">
            <a:extLst>
              <a:ext uri="{FF2B5EF4-FFF2-40B4-BE49-F238E27FC236}">
                <a16:creationId xmlns:a16="http://schemas.microsoft.com/office/drawing/2014/main" id="{D6427729-7E0D-287A-7E39-9127FE928859}"/>
              </a:ext>
            </a:extLst>
          </p:cNvPr>
          <p:cNvCxnSpPr>
            <a:cxnSpLocks/>
            <a:stCxn id="4" idx="2"/>
          </p:cNvCxnSpPr>
          <p:nvPr/>
        </p:nvCxnSpPr>
        <p:spPr>
          <a:xfrm rot="16200000" flipH="1">
            <a:off x="123653" y="2482453"/>
            <a:ext cx="4096138" cy="1883760"/>
          </a:xfrm>
          <a:prstGeom prst="bentConnector3">
            <a:avLst>
              <a:gd name="adj1" fmla="val 22220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Connector: Elbow 99">
            <a:extLst>
              <a:ext uri="{FF2B5EF4-FFF2-40B4-BE49-F238E27FC236}">
                <a16:creationId xmlns:a16="http://schemas.microsoft.com/office/drawing/2014/main" id="{1920A050-029F-326F-11EC-75EC1A8F4A1E}"/>
              </a:ext>
            </a:extLst>
          </p:cNvPr>
          <p:cNvCxnSpPr>
            <a:cxnSpLocks/>
            <a:stCxn id="5" idx="1"/>
          </p:cNvCxnSpPr>
          <p:nvPr/>
        </p:nvCxnSpPr>
        <p:spPr>
          <a:xfrm rot="10800000" flipV="1">
            <a:off x="3330004" y="1215442"/>
            <a:ext cx="228236" cy="4256959"/>
          </a:xfrm>
          <a:prstGeom prst="bentConnector2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Connector: Elbow 104">
            <a:extLst>
              <a:ext uri="{FF2B5EF4-FFF2-40B4-BE49-F238E27FC236}">
                <a16:creationId xmlns:a16="http://schemas.microsoft.com/office/drawing/2014/main" id="{0C84FF20-36C0-BD91-57F3-CAA290CE0742}"/>
              </a:ext>
            </a:extLst>
          </p:cNvPr>
          <p:cNvCxnSpPr>
            <a:stCxn id="6" idx="2"/>
          </p:cNvCxnSpPr>
          <p:nvPr/>
        </p:nvCxnSpPr>
        <p:spPr>
          <a:xfrm rot="16200000" flipH="1">
            <a:off x="6806734" y="1875295"/>
            <a:ext cx="4119332" cy="3074879"/>
          </a:xfrm>
          <a:prstGeom prst="bentConnector3">
            <a:avLst>
              <a:gd name="adj1" fmla="val 13004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0347132"/>
      </p:ext>
    </p:extLst>
  </p:cSld>
  <p:clrMapOvr>
    <a:masterClrMapping/>
  </p:clrMapOvr>
</p:sld>
</file>

<file path=ppt/theme/theme1.xml><?xml version="1.0" encoding="utf-8"?>
<a:theme xmlns:a="http://schemas.openxmlformats.org/drawingml/2006/main" name="Hitachi Energy">
  <a:themeElements>
    <a:clrScheme name="Custom 1">
      <a:dk1>
        <a:sysClr val="windowText" lastClr="000000"/>
      </a:dk1>
      <a:lt1>
        <a:sysClr val="window" lastClr="FFFFFF"/>
      </a:lt1>
      <a:dk2>
        <a:srgbClr val="FF0026"/>
      </a:dk2>
      <a:lt2>
        <a:srgbClr val="B1000E"/>
      </a:lt2>
      <a:accent1>
        <a:srgbClr val="7E000A"/>
      </a:accent1>
      <a:accent2>
        <a:srgbClr val="2D2D2D"/>
      </a:accent2>
      <a:accent3>
        <a:srgbClr val="4D4D4D"/>
      </a:accent3>
      <a:accent4>
        <a:srgbClr val="737373"/>
      </a:accent4>
      <a:accent5>
        <a:srgbClr val="B3B3B3"/>
      </a:accent5>
      <a:accent6>
        <a:srgbClr val="D9D9D9"/>
      </a:accent6>
      <a:hlink>
        <a:srgbClr val="FF0026"/>
      </a:hlink>
      <a:folHlink>
        <a:srgbClr val="B1000E"/>
      </a:folHlink>
    </a:clrScheme>
    <a:fontScheme name="Hitachi Fon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000000"/>
        </a:solidFill>
        <a:ln>
          <a:noFill/>
        </a:ln>
      </a:spPr>
      <a:bodyPr rtlCol="0" anchor="t"/>
      <a:lstStyle>
        <a:defPPr algn="l">
          <a:defRPr sz="1400" dirty="0" err="1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1400" dirty="0" err="1" smtClean="0"/>
        </a:defPPr>
      </a:lstStyle>
    </a:txDef>
  </a:objectDefaults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Presentation1" id="{387C3827-3C38-46B7-B7EF-08EF35410397}" vid="{3B3D2B3F-8A4F-4ADB-94D9-D2E79CCA1AC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<![CDATA[© ]]></s>
      <Doc.Prop.CopyrightYear/>
      <s> 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 ]]></s>
      <Doc.Prop.DocumentRevisionId/>
    </Doc.Prop.DocumentRevisionId>
    <s/>
  </Cmd>
  <Cmd case="SkabelonDesign.DocumentData:DefineData" variableName="PPMetadata">
    <Doc.Prop.DocumentID>
      <Doc.Prop.Date/>
      <s><![CDATA[ - Document ID:]]>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 PPT","templateDescription":"","enableDocumentContentUpdater":false,"version":"2.0"}]]></TemplafyTemplateConfiguration>
</file>

<file path=customXml/item4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1EF1EF6-FA49-4337-A46C-C565ED4628E7}">
  <ds:schemaRefs/>
</ds:datastoreItem>
</file>

<file path=customXml/itemProps2.xml><?xml version="1.0" encoding="utf-8"?>
<ds:datastoreItem xmlns:ds="http://schemas.openxmlformats.org/officeDocument/2006/customXml" ds:itemID="{EE94398A-6978-4C9F-A3D0-E861EC773F05}">
  <ds:schemaRefs/>
</ds:datastoreItem>
</file>

<file path=customXml/itemProps3.xml><?xml version="1.0" encoding="utf-8"?>
<ds:datastoreItem xmlns:ds="http://schemas.openxmlformats.org/officeDocument/2006/customXml" ds:itemID="{97B641B7-56D9-489B-9F68-19CCACF6EA12}">
  <ds:schemaRefs/>
</ds:datastoreItem>
</file>

<file path=customXml/itemProps4.xml><?xml version="1.0" encoding="utf-8"?>
<ds:datastoreItem xmlns:ds="http://schemas.openxmlformats.org/officeDocument/2006/customXml" ds:itemID="{F5D2F06F-0FD2-4FE6-A32B-74DCA7143777}">
  <ds:schemaRefs/>
</ds:datastoreItem>
</file>

<file path=customXml/itemProps5.xml><?xml version="1.0" encoding="utf-8"?>
<ds:datastoreItem xmlns:ds="http://schemas.openxmlformats.org/officeDocument/2006/customXml" ds:itemID="{FF40CD5A-BA5B-459F-85DF-5487BCD4B6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V Master Template_20200514</Template>
  <TotalTime>140</TotalTime>
  <Words>24</Words>
  <Application>Microsoft Office PowerPoint</Application>
  <PresentationFormat>Widescreen</PresentationFormat>
  <Paragraphs>22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3" baseType="lpstr">
      <vt:lpstr>Arial</vt:lpstr>
      <vt:lpstr>Hitachi Energy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lastModifiedBy>Kristian Lubina</cp:lastModifiedBy>
  <cp:revision>3</cp:revision>
  <dcterms:created xsi:type="dcterms:W3CDTF">2025-08-28T08:05:40Z</dcterms:created>
  <dcterms:modified xsi:type="dcterms:W3CDTF">2025-09-10T11:09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5-05-15T11:16:50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a8eae0a-dfaa-4c8f-a7d7-b476c7e96b3f</vt:lpwstr>
  </property>
  <property fmtid="{D5CDD505-2E9C-101B-9397-08002B2CF9AE}" pid="8" name="MSIP_Label_459ef8e5-3aaa-41a0-b30c-a77b6f506147_ContentBits">
    <vt:lpwstr>0</vt:lpwstr>
  </property>
  <property fmtid="{D5CDD505-2E9C-101B-9397-08002B2CF9AE}" pid="9" name="MSIP_Label_459ef8e5-3aaa-41a0-b30c-a77b6f506147_Tag">
    <vt:lpwstr>10, 3, 0, 1</vt:lpwstr>
  </property>
  <property fmtid="{D5CDD505-2E9C-101B-9397-08002B2CF9AE}" pid="10" name="TemplafyTimeStamp">
    <vt:lpwstr>2025-05-15T11:19:43</vt:lpwstr>
  </property>
  <property fmtid="{D5CDD505-2E9C-101B-9397-08002B2CF9AE}" pid="11" name="TemplafyTenantId">
    <vt:lpwstr>hitachienergy</vt:lpwstr>
  </property>
  <property fmtid="{D5CDD505-2E9C-101B-9397-08002B2CF9AE}" pid="12" name="TemplafyTemplateId">
    <vt:lpwstr>1184112030367088940</vt:lpwstr>
  </property>
  <property fmtid="{D5CDD505-2E9C-101B-9397-08002B2CF9AE}" pid="13" name="TemplafyUserProfileId">
    <vt:lpwstr>963702349021577217</vt:lpwstr>
  </property>
  <property fmtid="{D5CDD505-2E9C-101B-9397-08002B2CF9AE}" pid="14" name="TemplafyLanguageCode">
    <vt:lpwstr>en-US</vt:lpwstr>
  </property>
  <property fmtid="{D5CDD505-2E9C-101B-9397-08002B2CF9AE}" pid="15" name="TemplafyFromBlank">
    <vt:bool>true</vt:bool>
  </property>
</Properties>
</file>